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93" r:id="rId4"/>
    <p:sldId id="294" r:id="rId5"/>
    <p:sldId id="301" r:id="rId6"/>
    <p:sldId id="270" r:id="rId7"/>
    <p:sldId id="271" r:id="rId8"/>
    <p:sldId id="273" r:id="rId9"/>
    <p:sldId id="274" r:id="rId10"/>
    <p:sldId id="275" r:id="rId11"/>
    <p:sldId id="276" r:id="rId12"/>
    <p:sldId id="278" r:id="rId13"/>
    <p:sldId id="279" r:id="rId14"/>
    <p:sldId id="284" r:id="rId15"/>
    <p:sldId id="287" r:id="rId16"/>
    <p:sldId id="288" r:id="rId17"/>
    <p:sldId id="299" r:id="rId18"/>
    <p:sldId id="300" r:id="rId19"/>
    <p:sldId id="289" r:id="rId20"/>
    <p:sldId id="290" r:id="rId21"/>
    <p:sldId id="291" r:id="rId22"/>
    <p:sldId id="298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DACC"/>
    <a:srgbClr val="009E73"/>
    <a:srgbClr val="0171B2"/>
    <a:srgbClr val="A9A9A9"/>
    <a:srgbClr val="ADCAE2"/>
    <a:srgbClr val="B7CBDB"/>
    <a:srgbClr val="C0C0C0"/>
    <a:srgbClr val="E69F00"/>
    <a:srgbClr val="009000"/>
    <a:srgbClr val="04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6296" autoAdjust="0"/>
  </p:normalViewPr>
  <p:slideViewPr>
    <p:cSldViewPr snapToObjects="1" showGuides="1">
      <p:cViewPr>
        <p:scale>
          <a:sx n="94" d="100"/>
          <a:sy n="94" d="100"/>
        </p:scale>
        <p:origin x="1680" y="7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4.xml"/><Relationship Id="rId6" Type="http://schemas.openxmlformats.org/officeDocument/2006/relationships/image" Target="../media/image46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5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49.png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4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5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67.png"/><Relationship Id="rId4" Type="http://schemas.openxmlformats.org/officeDocument/2006/relationships/image" Target="../media/image5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68.png"/><Relationship Id="rId4" Type="http://schemas.openxmlformats.org/officeDocument/2006/relationships/image" Target="../media/image50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7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71.jpeg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jpeg"/><Relationship Id="rId5" Type="http://schemas.openxmlformats.org/officeDocument/2006/relationships/image" Target="../media/image13.svg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3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836B6FB8-1BD0-704D-B048-57D2B7C95704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CD3842C8-9259-1843-A558-E8CDE806C70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838879DC-176F-5B41-B4E9-4163204A99B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8AC8112-CBD7-0A41-9D5B-CED7D71C821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93F7A869-8BA2-7942-B42B-9D3148CF2520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2131DB77-3973-B844-BF88-677489036E8F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04C44758-0E39-4441-AFEB-19550799BC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36863E9A-9907-DE41-BB60-E02A3CFB6EA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92E8E444-810A-FB47-BE0D-6C2EA490BE5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CBF88083-0566-2D46-B777-E2BEC0BE89A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80CE8176-994A-CE47-9B38-ED932276E54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8D30E1F-369B-3F46-AE76-7B0DF25D8E3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70D63194-5903-7C45-80E0-A095E7B8881D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E8B25EC5-7721-9B42-9A5C-6D541465ACA0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69267484-7EE1-7C43-ABBD-F4E8E2A3024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FC277FD5-1E58-0745-BAFF-FCD83D267C5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20962101-6BC1-4C47-9092-56962534546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143E8EE-ACEA-964C-A585-C169AAAA6AB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02360" y="3754876"/>
            <a:ext cx="301146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92050" h="2895218">
                <a:moveTo>
                  <a:pt x="197048" y="2895218"/>
                </a:moveTo>
                <a:cubicBezTo>
                  <a:pt x="134702" y="2422184"/>
                  <a:pt x="72357" y="1949150"/>
                  <a:pt x="42669" y="1505805"/>
                </a:cubicBezTo>
                <a:cubicBezTo>
                  <a:pt x="12981" y="1062459"/>
                  <a:pt x="-22645" y="485516"/>
                  <a:pt x="18918" y="235145"/>
                </a:cubicBezTo>
                <a:cubicBezTo>
                  <a:pt x="60481" y="-15226"/>
                  <a:pt x="176265" y="-5825"/>
                  <a:pt x="292050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blipFill>
                <a:blip r:embed="rId5"/>
                <a:stretch>
                  <a:fillRect l="-10417" t="-3333" r="-208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31498225-FD4F-5E40-BF19-9874F54ED11A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621804" y="1431594"/>
            <a:ext cx="4672754" cy="39948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F3C3F820-035B-374D-B86C-CE43D117673C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785916" y="1700808"/>
            <a:ext cx="4541308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 and introgressi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0E39864-ECCF-8340-909A-E82219C24A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E1DA3188-89C5-2B4F-92DE-2EA91F113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F23A20F-B11C-BD42-93EB-7A54041F0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A089F05-36EA-6F4D-9E81-3105DC26944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9866E091-F138-5C44-933E-73500A2D51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6094412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6094412" y="228626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6094412" y="3429593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6094411" y="980727"/>
            <a:ext cx="5927527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467465" y="4182603"/>
            <a:ext cx="1444788" cy="178878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AFB8BB0-E6FF-A045-BA6B-F265F8FD1FE7}"/>
              </a:ext>
            </a:extLst>
          </p:cNvPr>
          <p:cNvSpPr/>
          <p:nvPr/>
        </p:nvSpPr>
        <p:spPr>
          <a:xfrm>
            <a:off x="8172919" y="4181694"/>
            <a:ext cx="3763496" cy="1724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ker Rivas-González – PhD Student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Bioinformatics Research Centre (</a:t>
            </a:r>
            <a:r>
              <a:rPr lang="en-GB" sz="1600" dirty="0" err="1">
                <a:latin typeface="+mn-lt"/>
              </a:rPr>
              <a:t>BiRC</a:t>
            </a:r>
            <a:r>
              <a:rPr lang="en-GB" sz="1600" dirty="0">
                <a:latin typeface="+mn-lt"/>
              </a:rPr>
              <a:t>) Aarhus University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rg@birc.au.dk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@</a:t>
            </a:r>
            <a:r>
              <a:rPr lang="en-GB" sz="1600" dirty="0" err="1">
                <a:latin typeface="+mn-lt"/>
              </a:rPr>
              <a:t>irg_bio</a:t>
            </a:r>
            <a:endParaRPr lang="en-GB" sz="1600" dirty="0">
              <a:latin typeface="+mn-lt"/>
            </a:endParaRPr>
          </a:p>
        </p:txBody>
      </p:sp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154725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023" y="1144227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1080649" y="3123082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303564" y="3115836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92822" y="3789040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2021283" y="5811097"/>
            <a:ext cx="2051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-worker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0100" y="4437112"/>
            <a:ext cx="4294213" cy="1268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556792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274896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588319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blipFill>
                <a:blip r:embed="rId12"/>
                <a:stretch>
                  <a:fillRect l="-10870" t="-3448" r="-2174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blipFill>
                <a:blip r:embed="rId13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blipFill>
                <a:blip r:embed="rId14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1625355" y="5230482"/>
                <a:ext cx="2387448" cy="57381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25355" y="5230482"/>
                <a:ext cx="2387448" cy="573811"/>
              </a:xfrm>
              <a:prstGeom prst="rect">
                <a:avLst/>
              </a:prstGeom>
              <a:blipFill>
                <a:blip r:embed="rId16"/>
                <a:stretch>
                  <a:fillRect l="-1064" t="-2174" r="-532" b="-2173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/>
              <p:nvPr/>
            </p:nvSpPr>
            <p:spPr>
              <a:xfrm>
                <a:off x="6272637" y="5230482"/>
                <a:ext cx="2126031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72637" y="5230482"/>
                <a:ext cx="2126031" cy="576376"/>
              </a:xfrm>
              <a:prstGeom prst="rect">
                <a:avLst/>
              </a:prstGeom>
              <a:blipFill>
                <a:blip r:embed="rId17"/>
                <a:stretch>
                  <a:fillRect l="-1775" t="-2128" r="-1775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81</Words>
  <Application>Microsoft Macintosh PowerPoint</Application>
  <PresentationFormat>Custom</PresentationFormat>
  <Paragraphs>225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AU Passata Light</vt:lpstr>
      <vt:lpstr>Trebuchet MS</vt:lpstr>
      <vt:lpstr>Georgia</vt:lpstr>
      <vt:lpstr>AU Peto</vt:lpstr>
      <vt:lpstr>Wingdings 3</vt:lpstr>
      <vt:lpstr>Cambria Math</vt:lpstr>
      <vt:lpstr>Calibri</vt:lpstr>
      <vt:lpstr>Arial</vt:lpstr>
      <vt:lpstr>AU Passat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6T11:46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